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aals/"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Graphics, logo&#10;&#10;Automatisch gegenereerde beschrijving">
            <a:extLst>
              <a:ext uri="{FF2B5EF4-FFF2-40B4-BE49-F238E27FC236}">
                <a16:creationId xmlns:a16="http://schemas.microsoft.com/office/drawing/2014/main" id="{569DB6EC-4CD6-4154-C64E-1E52B843E8C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08793" y="4429919"/>
            <a:ext cx="2030413" cy="217660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logo&#10;&#10;Automatisch gegenereerde beschrijving">
            <a:extLst>
              <a:ext uri="{FF2B5EF4-FFF2-40B4-BE49-F238E27FC236}">
                <a16:creationId xmlns:a16="http://schemas.microsoft.com/office/drawing/2014/main" id="{569DB6EC-4CD6-4154-C64E-1E52B843E8C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3000" y="3758921"/>
            <a:ext cx="1446131" cy="155025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3</cp:revision>
  <dcterms:created xsi:type="dcterms:W3CDTF">2019-07-30T10:24:44Z</dcterms:created>
  <dcterms:modified xsi:type="dcterms:W3CDTF">2024-02-02T10:27:44Z</dcterms:modified>
</cp:coreProperties>
</file>